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11"/>
  </p:handoutMasterIdLst>
  <p:sldIdLst>
    <p:sldId id="256" r:id="rId2"/>
    <p:sldId id="259" r:id="rId3"/>
    <p:sldId id="262" r:id="rId4"/>
    <p:sldId id="268" r:id="rId5"/>
    <p:sldId id="269" r:id="rId6"/>
    <p:sldId id="270" r:id="rId7"/>
    <p:sldId id="271" r:id="rId8"/>
    <p:sldId id="272" r:id="rId9"/>
    <p:sldId id="267" r:id="rId10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052" autoAdjust="0"/>
    <p:restoredTop sz="94660"/>
  </p:normalViewPr>
  <p:slideViewPr>
    <p:cSldViewPr snapToGrid="0">
      <p:cViewPr varScale="1">
        <p:scale>
          <a:sx n="111" d="100"/>
          <a:sy n="111" d="100"/>
        </p:scale>
        <p:origin x="588" y="9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9/07/2026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9/07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5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6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6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8F0DA0A-5BE2-7323-A3B6-58132C06C88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17629" y="1395663"/>
            <a:ext cx="7556741" cy="51334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A12062-1ACA-C6FA-618A-D4DB3AB270F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2B6C11A-CDBF-473E-F423-90D154DDD8B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E15AB253-F36E-9E67-E894-E76DDCDC58F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68018"/>
            <a:ext cx="7556741" cy="50611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894483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80EAC5-C8D0-A8AF-7932-98E4F1984C7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DA094CD-4852-0C5D-3A84-91A52F66097E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rzo 2026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8DB09A9E-385C-82B6-5906-A1C4538FCE2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27235"/>
            <a:ext cx="7556741" cy="52115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940672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03E215E-1FF7-1BC3-E4CD-83818F8785B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CF22DB0-23A5-E009-1342-7F11E916BE61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63619731-F624-3136-81C3-809204DDB1D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387675"/>
            <a:ext cx="7556741" cy="50907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7596310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E133FE4-9BDE-C196-4EBC-7847CFE8F89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908113A1-DA65-B267-4C03-24B6E58CCBFD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yo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DDCB36B-FEA0-1D3E-0758-B8E99495C49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83580"/>
            <a:ext cx="7556741" cy="51121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268769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B3AB408-D29C-E792-4566-3FF2F8DDC92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EDFC0B6-5600-7298-2531-24B1FCCDDF29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nio 2026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6AA88D62-E464-57AB-CD5D-904D6A39F7B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25338" y="1345721"/>
            <a:ext cx="7541326" cy="512409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815736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91</TotalTime>
  <Words>45</Words>
  <Application>Microsoft Office PowerPoint</Application>
  <PresentationFormat>Panorámica</PresentationFormat>
  <Paragraphs>11</Paragraphs>
  <Slides>9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9</vt:i4>
      </vt:variant>
    </vt:vector>
  </HeadingPairs>
  <TitlesOfParts>
    <vt:vector size="14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37</cp:revision>
  <dcterms:created xsi:type="dcterms:W3CDTF">2023-05-08T00:34:42Z</dcterms:created>
  <dcterms:modified xsi:type="dcterms:W3CDTF">2026-07-09T20:14:4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58863d-b18f-495a-b538-b0c1f8318a5b_Enabled">
    <vt:lpwstr>true</vt:lpwstr>
  </property>
  <property fmtid="{D5CDD505-2E9C-101B-9397-08002B2CF9AE}" pid="3" name="MSIP_Label_3f58863d-b18f-495a-b538-b0c1f8318a5b_SetDate">
    <vt:lpwstr>2026-03-03T17:52:06Z</vt:lpwstr>
  </property>
  <property fmtid="{D5CDD505-2E9C-101B-9397-08002B2CF9AE}" pid="4" name="MSIP_Label_3f58863d-b18f-495a-b538-b0c1f8318a5b_Method">
    <vt:lpwstr>Privileged</vt:lpwstr>
  </property>
  <property fmtid="{D5CDD505-2E9C-101B-9397-08002B2CF9AE}" pid="5" name="MSIP_Label_3f58863d-b18f-495a-b538-b0c1f8318a5b_Name">
    <vt:lpwstr>Interna</vt:lpwstr>
  </property>
  <property fmtid="{D5CDD505-2E9C-101B-9397-08002B2CF9AE}" pid="6" name="MSIP_Label_3f58863d-b18f-495a-b538-b0c1f8318a5b_SiteId">
    <vt:lpwstr>b4ea60d8-be49-40bc-98c4-18c43bfd721e</vt:lpwstr>
  </property>
  <property fmtid="{D5CDD505-2E9C-101B-9397-08002B2CF9AE}" pid="7" name="MSIP_Label_3f58863d-b18f-495a-b538-b0c1f8318a5b_ActionId">
    <vt:lpwstr>0ec31ad9-bf3d-4e83-bea8-3670e6dbea40</vt:lpwstr>
  </property>
  <property fmtid="{D5CDD505-2E9C-101B-9397-08002B2CF9AE}" pid="8" name="MSIP_Label_3f58863d-b18f-495a-b538-b0c1f8318a5b_ContentBits">
    <vt:lpwstr>0</vt:lpwstr>
  </property>
  <property fmtid="{D5CDD505-2E9C-101B-9397-08002B2CF9AE}" pid="9" name="MSIP_Label_3f58863d-b18f-495a-b538-b0c1f8318a5b_Tag">
    <vt:lpwstr>10, 0, 1, 1</vt:lpwstr>
  </property>
</Properties>
</file>